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J:\s1\　企画調整課フォルダ\04統計調査\04　県等委託統計\06　人口調査\人口の推移\R5\HP\"/>
    </mc:Choice>
  </mc:AlternateContent>
  <xr:revisionPtr revIDLastSave="0" documentId="8_{E2168BD9-1B55-4ED5-9D10-B1490F42C839}" xr6:coauthVersionLast="47" xr6:coauthVersionMax="47" xr10:uidLastSave="{00000000-0000-0000-0000-000000000000}"/>
  <bookViews>
    <workbookView xWindow="-108" yWindow="-108" windowWidth="23256" windowHeight="12576" xr2:uid="{A72F412A-4169-4DA3-B182-4ECCBC0598DA}"/>
  </bookViews>
  <sheets>
    <sheet name="年齢３区分（富山地域）" sheetId="1" r:id="rId1"/>
    <sheet name="年齢３区分（大沢野～細入）" sheetId="2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12" uniqueCount="102">
  <si>
    <t>７．地 区 別 年 齢 ３ 区 分 別 人 口</t>
    <rPh sb="2" eb="3">
      <t>チ</t>
    </rPh>
    <rPh sb="4" eb="5">
      <t>ク</t>
    </rPh>
    <rPh sb="6" eb="7">
      <t>ベツ</t>
    </rPh>
    <rPh sb="8" eb="9">
      <t>トシ</t>
    </rPh>
    <rPh sb="10" eb="11">
      <t>ヨワイ</t>
    </rPh>
    <rPh sb="14" eb="15">
      <t>ク</t>
    </rPh>
    <rPh sb="16" eb="17">
      <t>ブン</t>
    </rPh>
    <rPh sb="18" eb="19">
      <t>ベツ</t>
    </rPh>
    <rPh sb="20" eb="21">
      <t>ヒト</t>
    </rPh>
    <rPh sb="22" eb="23">
      <t>クチ</t>
    </rPh>
    <phoneticPr fontId="4"/>
  </si>
  <si>
    <t>R05年９月末住民基本台帳</t>
    <rPh sb="3" eb="4">
      <t>ネン</t>
    </rPh>
    <rPh sb="5" eb="7">
      <t>ガツマツ</t>
    </rPh>
    <rPh sb="7" eb="9">
      <t>ジュウミン</t>
    </rPh>
    <rPh sb="9" eb="11">
      <t>キホン</t>
    </rPh>
    <rPh sb="11" eb="13">
      <t>ダイチョウ</t>
    </rPh>
    <phoneticPr fontId="4"/>
  </si>
  <si>
    <t>地区別</t>
    <rPh sb="0" eb="2">
      <t>チク</t>
    </rPh>
    <rPh sb="2" eb="3">
      <t>ベツ</t>
    </rPh>
    <phoneticPr fontId="4"/>
  </si>
  <si>
    <t>0～14歳</t>
  </si>
  <si>
    <t>15～64歳</t>
  </si>
  <si>
    <t>65歳以上</t>
  </si>
  <si>
    <t>計</t>
  </si>
  <si>
    <t>0～14歳割合</t>
    <rPh sb="5" eb="7">
      <t>ワリアイ</t>
    </rPh>
    <phoneticPr fontId="8"/>
  </si>
  <si>
    <t>15～64歳割合</t>
    <rPh sb="6" eb="8">
      <t>ワリアイ</t>
    </rPh>
    <phoneticPr fontId="8"/>
  </si>
  <si>
    <t>65歳以上割合</t>
    <rPh sb="5" eb="7">
      <t>ワリアイ</t>
    </rPh>
    <phoneticPr fontId="8"/>
  </si>
  <si>
    <t>総数</t>
    <rPh sb="0" eb="2">
      <t>ソウスウ</t>
    </rPh>
    <phoneticPr fontId="4"/>
  </si>
  <si>
    <t>富山地域計</t>
    <rPh sb="0" eb="2">
      <t>トヤマ</t>
    </rPh>
    <rPh sb="2" eb="4">
      <t>チイキ</t>
    </rPh>
    <rPh sb="4" eb="5">
      <t>ケイ</t>
    </rPh>
    <phoneticPr fontId="4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  <rPh sb="0" eb="2">
      <t>コウヨウ</t>
    </rPh>
    <phoneticPr fontId="11"/>
  </si>
  <si>
    <t>新庄北</t>
    <rPh sb="2" eb="3">
      <t>キタ</t>
    </rPh>
    <phoneticPr fontId="11"/>
  </si>
  <si>
    <t>※　割合は四捨五入してあるので、加えても100にならないことがある。</t>
    <rPh sb="2" eb="4">
      <t>ワリアイ</t>
    </rPh>
    <rPh sb="5" eb="9">
      <t>シシャゴニュウ</t>
    </rPh>
    <rPh sb="16" eb="17">
      <t>クワ</t>
    </rPh>
    <phoneticPr fontId="8"/>
  </si>
  <si>
    <t>７．地 区 別 年 齢 ３ 区 分 別 人 口</t>
    <phoneticPr fontId="8"/>
  </si>
  <si>
    <t>大沢野地域計</t>
    <rPh sb="0" eb="3">
      <t>オオサワノ</t>
    </rPh>
    <rPh sb="3" eb="5">
      <t>チイキ</t>
    </rPh>
    <rPh sb="5" eb="6">
      <t>ケイ</t>
    </rPh>
    <phoneticPr fontId="4"/>
  </si>
  <si>
    <t>下タ</t>
    <rPh sb="0" eb="1">
      <t>シモ</t>
    </rPh>
    <phoneticPr fontId="4"/>
  </si>
  <si>
    <t>小羽</t>
    <rPh sb="0" eb="1">
      <t>ショウ</t>
    </rPh>
    <rPh sb="1" eb="2">
      <t>ハネ</t>
    </rPh>
    <phoneticPr fontId="4"/>
  </si>
  <si>
    <t>船峅</t>
    <rPh sb="0" eb="1">
      <t>フネ</t>
    </rPh>
    <rPh sb="1" eb="2">
      <t>クラ</t>
    </rPh>
    <phoneticPr fontId="4"/>
  </si>
  <si>
    <t>大沢野</t>
    <rPh sb="0" eb="3">
      <t>オオサワノ</t>
    </rPh>
    <phoneticPr fontId="4"/>
  </si>
  <si>
    <t>大久保</t>
    <rPh sb="0" eb="3">
      <t>オオクボ</t>
    </rPh>
    <phoneticPr fontId="4"/>
  </si>
  <si>
    <t>大山地域計</t>
    <rPh sb="0" eb="2">
      <t>オオヤマ</t>
    </rPh>
    <rPh sb="2" eb="4">
      <t>チイキ</t>
    </rPh>
    <rPh sb="4" eb="5">
      <t>ケイ</t>
    </rPh>
    <phoneticPr fontId="4"/>
  </si>
  <si>
    <t>上滝</t>
    <rPh sb="0" eb="2">
      <t>カミダキ</t>
    </rPh>
    <phoneticPr fontId="4"/>
  </si>
  <si>
    <t>大山</t>
    <rPh sb="0" eb="2">
      <t>オオヤマ</t>
    </rPh>
    <phoneticPr fontId="4"/>
  </si>
  <si>
    <t>大庄</t>
    <rPh sb="0" eb="2">
      <t>ダイショウ</t>
    </rPh>
    <phoneticPr fontId="4"/>
  </si>
  <si>
    <t>福沢</t>
    <rPh sb="0" eb="1">
      <t>フク</t>
    </rPh>
    <rPh sb="1" eb="2">
      <t>サワ</t>
    </rPh>
    <phoneticPr fontId="4"/>
  </si>
  <si>
    <t>八尾地域計</t>
    <rPh sb="0" eb="2">
      <t>ヤツオ</t>
    </rPh>
    <rPh sb="2" eb="4">
      <t>チイキ</t>
    </rPh>
    <rPh sb="4" eb="5">
      <t>ケイ</t>
    </rPh>
    <phoneticPr fontId="4"/>
  </si>
  <si>
    <t>八尾</t>
    <rPh sb="0" eb="2">
      <t>ヤツオ</t>
    </rPh>
    <phoneticPr fontId="4"/>
  </si>
  <si>
    <t>保内</t>
    <rPh sb="0" eb="1">
      <t>ホ</t>
    </rPh>
    <rPh sb="1" eb="2">
      <t>ウチ</t>
    </rPh>
    <phoneticPr fontId="4"/>
  </si>
  <si>
    <t>杉原</t>
    <rPh sb="0" eb="1">
      <t>スギ</t>
    </rPh>
    <rPh sb="1" eb="2">
      <t>ハラ</t>
    </rPh>
    <phoneticPr fontId="4"/>
  </si>
  <si>
    <t>卯花</t>
    <rPh sb="0" eb="1">
      <t>ウ</t>
    </rPh>
    <rPh sb="1" eb="2">
      <t>ハナ</t>
    </rPh>
    <phoneticPr fontId="4"/>
  </si>
  <si>
    <t>室牧</t>
    <rPh sb="0" eb="1">
      <t>ムロ</t>
    </rPh>
    <rPh sb="1" eb="2">
      <t>マキ</t>
    </rPh>
    <phoneticPr fontId="4"/>
  </si>
  <si>
    <t>黒瀬谷</t>
    <rPh sb="0" eb="1">
      <t>クロ</t>
    </rPh>
    <rPh sb="1" eb="2">
      <t>セ</t>
    </rPh>
    <rPh sb="2" eb="3">
      <t>タニ</t>
    </rPh>
    <phoneticPr fontId="4"/>
  </si>
  <si>
    <t>野積</t>
    <rPh sb="0" eb="1">
      <t>ノ</t>
    </rPh>
    <rPh sb="1" eb="2">
      <t>ツミ</t>
    </rPh>
    <phoneticPr fontId="4"/>
  </si>
  <si>
    <t>仁歩</t>
    <rPh sb="0" eb="1">
      <t>ジン</t>
    </rPh>
    <rPh sb="1" eb="2">
      <t>ホ</t>
    </rPh>
    <phoneticPr fontId="4"/>
  </si>
  <si>
    <t>大長谷</t>
    <rPh sb="0" eb="1">
      <t>オオ</t>
    </rPh>
    <rPh sb="1" eb="3">
      <t>ナガタニ</t>
    </rPh>
    <phoneticPr fontId="4"/>
  </si>
  <si>
    <t>婦中地域計</t>
    <rPh sb="0" eb="2">
      <t>フチュウ</t>
    </rPh>
    <rPh sb="2" eb="4">
      <t>チイキ</t>
    </rPh>
    <rPh sb="4" eb="5">
      <t>ケイ</t>
    </rPh>
    <phoneticPr fontId="4"/>
  </si>
  <si>
    <t>速星</t>
    <rPh sb="0" eb="1">
      <t>ハヤ</t>
    </rPh>
    <rPh sb="1" eb="2">
      <t>ホシ</t>
    </rPh>
    <phoneticPr fontId="4"/>
  </si>
  <si>
    <t>鵜坂</t>
    <rPh sb="0" eb="1">
      <t>ウ</t>
    </rPh>
    <rPh sb="1" eb="2">
      <t>サカ</t>
    </rPh>
    <phoneticPr fontId="4"/>
  </si>
  <si>
    <t>朝日</t>
    <rPh sb="0" eb="2">
      <t>アサヒ</t>
    </rPh>
    <phoneticPr fontId="4"/>
  </si>
  <si>
    <t>宮川</t>
    <rPh sb="0" eb="2">
      <t>ミヤカワ</t>
    </rPh>
    <phoneticPr fontId="4"/>
  </si>
  <si>
    <t>婦中熊野</t>
    <rPh sb="0" eb="2">
      <t>フチュウ</t>
    </rPh>
    <rPh sb="2" eb="4">
      <t>クマノ</t>
    </rPh>
    <phoneticPr fontId="4"/>
  </si>
  <si>
    <t>古里</t>
    <rPh sb="0" eb="2">
      <t>フルサト</t>
    </rPh>
    <phoneticPr fontId="4"/>
  </si>
  <si>
    <t>音川</t>
    <rPh sb="0" eb="1">
      <t>オト</t>
    </rPh>
    <rPh sb="1" eb="2">
      <t>カワ</t>
    </rPh>
    <phoneticPr fontId="4"/>
  </si>
  <si>
    <t>神保</t>
    <rPh sb="0" eb="1">
      <t>ジン</t>
    </rPh>
    <rPh sb="1" eb="2">
      <t>ホ</t>
    </rPh>
    <phoneticPr fontId="4"/>
  </si>
  <si>
    <t>山田地域計</t>
    <rPh sb="0" eb="2">
      <t>ヤマダ</t>
    </rPh>
    <rPh sb="2" eb="4">
      <t>チイキ</t>
    </rPh>
    <rPh sb="4" eb="5">
      <t>ケイ</t>
    </rPh>
    <phoneticPr fontId="4"/>
  </si>
  <si>
    <t>山田南部</t>
    <rPh sb="0" eb="2">
      <t>ヤマダ</t>
    </rPh>
    <rPh sb="2" eb="4">
      <t>ナンブ</t>
    </rPh>
    <phoneticPr fontId="4"/>
  </si>
  <si>
    <t>山田中部</t>
    <rPh sb="0" eb="2">
      <t>ヤマダ</t>
    </rPh>
    <rPh sb="2" eb="4">
      <t>チュウブ</t>
    </rPh>
    <phoneticPr fontId="4"/>
  </si>
  <si>
    <t>山田西部</t>
    <rPh sb="0" eb="2">
      <t>ヤマダ</t>
    </rPh>
    <rPh sb="2" eb="4">
      <t>セイブ</t>
    </rPh>
    <phoneticPr fontId="4"/>
  </si>
  <si>
    <t>山田東部</t>
    <rPh sb="0" eb="2">
      <t>ヤマダ</t>
    </rPh>
    <rPh sb="2" eb="4">
      <t>トウブ</t>
    </rPh>
    <phoneticPr fontId="4"/>
  </si>
  <si>
    <t>細入地域計</t>
    <rPh sb="0" eb="2">
      <t>ホソイリ</t>
    </rPh>
    <rPh sb="2" eb="4">
      <t>チイキ</t>
    </rPh>
    <rPh sb="4" eb="5">
      <t>ケイ</t>
    </rPh>
    <phoneticPr fontId="4"/>
  </si>
  <si>
    <t>細入北部</t>
    <rPh sb="0" eb="2">
      <t>ホソイリ</t>
    </rPh>
    <rPh sb="2" eb="4">
      <t>ホクブ</t>
    </rPh>
    <phoneticPr fontId="4"/>
  </si>
  <si>
    <t>細入南部</t>
    <rPh sb="0" eb="2">
      <t>ホソイリ</t>
    </rPh>
    <rPh sb="2" eb="4">
      <t>ナンブ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.0_ "/>
  </numFmts>
  <fonts count="13" x14ac:knownFonts="1"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b/>
      <sz val="12"/>
      <name val="ＭＳ 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1"/>
      <name val="ＭＳ Ｐ明朝"/>
      <family val="1"/>
      <charset val="128"/>
    </font>
    <font>
      <sz val="10"/>
      <name val="ＭＳ 明朝"/>
      <family val="1"/>
      <charset val="128"/>
    </font>
    <font>
      <sz val="6"/>
      <name val="ＭＳ 明朝"/>
      <family val="1"/>
      <charset val="128"/>
    </font>
    <font>
      <b/>
      <sz val="10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  <font>
      <b/>
      <sz val="10"/>
      <name val="ＭＳ Ｐ明朝"/>
      <family val="1"/>
      <charset val="128"/>
    </font>
  </fonts>
  <fills count="7">
    <fill>
      <patternFill patternType="none"/>
    </fill>
    <fill>
      <patternFill patternType="gray125"/>
    </fill>
    <fill>
      <patternFill patternType="solid">
        <fgColor indexed="47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42"/>
        <bgColor indexed="64"/>
      </patternFill>
    </fill>
    <fill>
      <patternFill patternType="solid">
        <fgColor rgb="FFFFFF99"/>
        <bgColor indexed="64"/>
      </patternFill>
    </fill>
    <fill>
      <patternFill patternType="solid">
        <fgColor rgb="FFCCFFCC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</borders>
  <cellStyleXfs count="4">
    <xf numFmtId="0" fontId="0" fillId="0" borderId="0"/>
    <xf numFmtId="38" fontId="5" fillId="0" borderId="0" applyFont="0" applyFill="0" applyBorder="0" applyAlignment="0" applyProtection="0"/>
    <xf numFmtId="0" fontId="1" fillId="0" borderId="0">
      <alignment vertical="center"/>
    </xf>
    <xf numFmtId="0" fontId="10" fillId="0" borderId="0"/>
  </cellStyleXfs>
  <cellXfs count="53">
    <xf numFmtId="0" fontId="0" fillId="0" borderId="0" xfId="0"/>
    <xf numFmtId="0" fontId="2" fillId="0" borderId="0" xfId="2" applyFont="1" applyAlignment="1">
      <alignment horizontal="left" vertical="center"/>
    </xf>
    <xf numFmtId="176" fontId="0" fillId="0" borderId="0" xfId="0" applyNumberFormat="1" applyAlignment="1">
      <alignment horizontal="right"/>
    </xf>
    <xf numFmtId="0" fontId="6" fillId="0" borderId="0" xfId="2" applyFont="1" applyAlignment="1">
      <alignment horizontal="right" vertical="center"/>
    </xf>
    <xf numFmtId="0" fontId="7" fillId="0" borderId="1" xfId="2" applyFont="1" applyBorder="1" applyAlignment="1">
      <alignment horizontal="distributed" vertical="center"/>
    </xf>
    <xf numFmtId="0" fontId="7" fillId="2" borderId="1" xfId="0" applyFont="1" applyFill="1" applyBorder="1" applyAlignment="1">
      <alignment horizontal="center" vertical="center"/>
    </xf>
    <xf numFmtId="0" fontId="7" fillId="3" borderId="1" xfId="0" applyFont="1" applyFill="1" applyBorder="1" applyAlignment="1">
      <alignment horizontal="center" vertical="center"/>
    </xf>
    <xf numFmtId="0" fontId="7" fillId="4" borderId="1" xfId="0" applyFont="1" applyFill="1" applyBorder="1" applyAlignment="1">
      <alignment horizontal="center" vertical="center"/>
    </xf>
    <xf numFmtId="0" fontId="7" fillId="0" borderId="1" xfId="0" applyFont="1" applyBorder="1" applyAlignment="1">
      <alignment horizontal="center" vertical="center"/>
    </xf>
    <xf numFmtId="176" fontId="7" fillId="2" borderId="1" xfId="0" applyNumberFormat="1" applyFont="1" applyFill="1" applyBorder="1" applyAlignment="1">
      <alignment horizontal="center" vertical="center"/>
    </xf>
    <xf numFmtId="176" fontId="7" fillId="3" borderId="1" xfId="0" applyNumberFormat="1" applyFont="1" applyFill="1" applyBorder="1" applyAlignment="1">
      <alignment horizontal="center" vertical="center"/>
    </xf>
    <xf numFmtId="176" fontId="7" fillId="4" borderId="1" xfId="0" applyNumberFormat="1" applyFont="1" applyFill="1" applyBorder="1" applyAlignment="1">
      <alignment horizontal="center" vertical="center"/>
    </xf>
    <xf numFmtId="0" fontId="9" fillId="0" borderId="1" xfId="2" applyFont="1" applyBorder="1" applyAlignment="1">
      <alignment horizontal="distributed" vertical="center"/>
    </xf>
    <xf numFmtId="38" fontId="7" fillId="2" borderId="1" xfId="1" applyFont="1" applyFill="1" applyBorder="1" applyAlignment="1">
      <alignment horizontal="right"/>
    </xf>
    <xf numFmtId="38" fontId="7" fillId="3" borderId="1" xfId="1" applyFont="1" applyFill="1" applyBorder="1" applyAlignment="1">
      <alignment horizontal="right"/>
    </xf>
    <xf numFmtId="38" fontId="7" fillId="4" borderId="1" xfId="1" applyFont="1" applyFill="1" applyBorder="1" applyAlignment="1">
      <alignment horizontal="right"/>
    </xf>
    <xf numFmtId="38" fontId="7" fillId="0" borderId="1" xfId="1" applyFont="1" applyBorder="1" applyAlignment="1">
      <alignment horizontal="right"/>
    </xf>
    <xf numFmtId="176" fontId="7" fillId="2" borderId="1" xfId="0" applyNumberFormat="1" applyFont="1" applyFill="1" applyBorder="1" applyAlignment="1">
      <alignment horizontal="right"/>
    </xf>
    <xf numFmtId="176" fontId="7" fillId="3" borderId="1" xfId="0" applyNumberFormat="1" applyFont="1" applyFill="1" applyBorder="1" applyAlignment="1">
      <alignment horizontal="right"/>
    </xf>
    <xf numFmtId="176" fontId="7" fillId="4" borderId="1" xfId="0" applyNumberFormat="1" applyFont="1" applyFill="1" applyBorder="1" applyAlignment="1">
      <alignment horizontal="right"/>
    </xf>
    <xf numFmtId="38" fontId="7" fillId="5" borderId="1" xfId="1" applyFont="1" applyFill="1" applyBorder="1" applyAlignment="1">
      <alignment horizontal="right"/>
    </xf>
    <xf numFmtId="38" fontId="7" fillId="6" borderId="1" xfId="1" applyFont="1" applyFill="1" applyBorder="1" applyAlignment="1">
      <alignment horizontal="right"/>
    </xf>
    <xf numFmtId="0" fontId="7" fillId="0" borderId="2" xfId="3" applyFont="1" applyBorder="1" applyAlignment="1">
      <alignment horizontal="distributed" vertical="center"/>
    </xf>
    <xf numFmtId="38" fontId="7" fillId="2" borderId="3" xfId="1" applyFont="1" applyFill="1" applyBorder="1" applyAlignment="1">
      <alignment horizontal="right"/>
    </xf>
    <xf numFmtId="38" fontId="7" fillId="3" borderId="3" xfId="1" applyFont="1" applyFill="1" applyBorder="1" applyAlignment="1">
      <alignment horizontal="right"/>
    </xf>
    <xf numFmtId="38" fontId="7" fillId="4" borderId="3" xfId="1" applyFont="1" applyFill="1" applyBorder="1" applyAlignment="1">
      <alignment horizontal="right"/>
    </xf>
    <xf numFmtId="38" fontId="7" fillId="0" borderId="3" xfId="1" applyFont="1" applyBorder="1" applyAlignment="1">
      <alignment horizontal="right"/>
    </xf>
    <xf numFmtId="176" fontId="7" fillId="2" borderId="3" xfId="0" applyNumberFormat="1" applyFont="1" applyFill="1" applyBorder="1" applyAlignment="1">
      <alignment horizontal="right"/>
    </xf>
    <xf numFmtId="176" fontId="7" fillId="3" borderId="3" xfId="0" applyNumberFormat="1" applyFont="1" applyFill="1" applyBorder="1" applyAlignment="1">
      <alignment horizontal="right"/>
    </xf>
    <xf numFmtId="176" fontId="7" fillId="4" borderId="3" xfId="0" applyNumberFormat="1" applyFont="1" applyFill="1" applyBorder="1" applyAlignment="1">
      <alignment horizontal="right"/>
    </xf>
    <xf numFmtId="0" fontId="7" fillId="0" borderId="4" xfId="3" applyFont="1" applyBorder="1" applyAlignment="1">
      <alignment horizontal="distributed" vertical="center"/>
    </xf>
    <xf numFmtId="38" fontId="7" fillId="2" borderId="4" xfId="1" applyFont="1" applyFill="1" applyBorder="1" applyAlignment="1">
      <alignment horizontal="right"/>
    </xf>
    <xf numFmtId="38" fontId="7" fillId="3" borderId="4" xfId="1" applyFont="1" applyFill="1" applyBorder="1" applyAlignment="1">
      <alignment horizontal="right"/>
    </xf>
    <xf numFmtId="38" fontId="7" fillId="4" borderId="4" xfId="1" applyFont="1" applyFill="1" applyBorder="1" applyAlignment="1">
      <alignment horizontal="right"/>
    </xf>
    <xf numFmtId="38" fontId="7" fillId="0" borderId="4" xfId="1" applyFont="1" applyBorder="1" applyAlignment="1">
      <alignment horizontal="right"/>
    </xf>
    <xf numFmtId="176" fontId="7" fillId="2" borderId="4" xfId="0" applyNumberFormat="1" applyFont="1" applyFill="1" applyBorder="1" applyAlignment="1">
      <alignment horizontal="right"/>
    </xf>
    <xf numFmtId="176" fontId="7" fillId="3" borderId="4" xfId="0" applyNumberFormat="1" applyFont="1" applyFill="1" applyBorder="1" applyAlignment="1">
      <alignment horizontal="right"/>
    </xf>
    <xf numFmtId="176" fontId="7" fillId="4" borderId="4" xfId="0" applyNumberFormat="1" applyFont="1" applyFill="1" applyBorder="1" applyAlignment="1">
      <alignment horizontal="right"/>
    </xf>
    <xf numFmtId="176" fontId="0" fillId="0" borderId="0" xfId="0" applyNumberFormat="1"/>
    <xf numFmtId="0" fontId="7" fillId="0" borderId="5" xfId="3" applyFont="1" applyBorder="1" applyAlignment="1">
      <alignment horizontal="distributed" vertical="center"/>
    </xf>
    <xf numFmtId="0" fontId="7" fillId="0" borderId="6" xfId="3" applyFont="1" applyBorder="1" applyAlignment="1">
      <alignment horizontal="distributed" vertical="center"/>
    </xf>
    <xf numFmtId="38" fontId="7" fillId="2" borderId="6" xfId="1" applyFont="1" applyFill="1" applyBorder="1" applyAlignment="1">
      <alignment horizontal="right"/>
    </xf>
    <xf numFmtId="38" fontId="7" fillId="3" borderId="6" xfId="1" applyFont="1" applyFill="1" applyBorder="1" applyAlignment="1">
      <alignment horizontal="right"/>
    </xf>
    <xf numFmtId="38" fontId="7" fillId="4" borderId="6" xfId="1" applyFont="1" applyFill="1" applyBorder="1" applyAlignment="1">
      <alignment horizontal="right"/>
    </xf>
    <xf numFmtId="38" fontId="7" fillId="0" borderId="6" xfId="1" applyFont="1" applyBorder="1" applyAlignment="1">
      <alignment horizontal="right"/>
    </xf>
    <xf numFmtId="176" fontId="7" fillId="2" borderId="6" xfId="0" applyNumberFormat="1" applyFont="1" applyFill="1" applyBorder="1" applyAlignment="1">
      <alignment horizontal="right"/>
    </xf>
    <xf numFmtId="176" fontId="7" fillId="3" borderId="6" xfId="0" applyNumberFormat="1" applyFont="1" applyFill="1" applyBorder="1" applyAlignment="1">
      <alignment horizontal="right"/>
    </xf>
    <xf numFmtId="176" fontId="7" fillId="4" borderId="6" xfId="0" applyNumberFormat="1" applyFont="1" applyFill="1" applyBorder="1" applyAlignment="1">
      <alignment horizontal="right"/>
    </xf>
    <xf numFmtId="0" fontId="12" fillId="0" borderId="7" xfId="0" applyFont="1" applyBorder="1" applyAlignment="1">
      <alignment horizontal="left" vertical="center"/>
    </xf>
    <xf numFmtId="0" fontId="0" fillId="0" borderId="0" xfId="0" applyAlignment="1">
      <alignment horizontal="center"/>
    </xf>
    <xf numFmtId="0" fontId="9" fillId="0" borderId="8" xfId="2" applyFont="1" applyBorder="1" applyAlignment="1">
      <alignment horizontal="distributed" vertical="center"/>
    </xf>
    <xf numFmtId="0" fontId="0" fillId="0" borderId="7" xfId="0" applyBorder="1"/>
    <xf numFmtId="176" fontId="0" fillId="0" borderId="7" xfId="0" applyNumberFormat="1" applyBorder="1" applyAlignment="1">
      <alignment horizontal="right"/>
    </xf>
  </cellXfs>
  <cellStyles count="4">
    <cellStyle name="桁区切り" xfId="1" builtinId="6"/>
    <cellStyle name="標準" xfId="0" builtinId="0"/>
    <cellStyle name="標準_校下表" xfId="3" xr:uid="{6836206A-4487-45E8-A9FC-3094E2982759}"/>
    <cellStyle name="標準_地区別世帯数(H15)" xfId="2" xr:uid="{257D930E-BE9B-4EC5-82D0-14C5C87D5A97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BEE08BB-FAC6-4344-A2EE-D00608367E9A}">
  <sheetPr codeName="Sheet5"/>
  <dimension ref="A1:I57"/>
  <sheetViews>
    <sheetView tabSelected="1" view="pageBreakPreview" zoomScaleNormal="100" zoomScaleSheetLayoutView="100" workbookViewId="0">
      <selection sqref="A1:H1"/>
    </sheetView>
  </sheetViews>
  <sheetFormatPr defaultRowHeight="13.2" x14ac:dyDescent="0.2"/>
  <cols>
    <col min="1" max="1" width="14.6640625" customWidth="1"/>
    <col min="2" max="5" width="9.6640625" customWidth="1"/>
    <col min="6" max="8" width="12.77734375" style="2" customWidth="1"/>
  </cols>
  <sheetData>
    <row r="1" spans="1:8" ht="14.4" x14ac:dyDescent="0.2">
      <c r="A1" s="1" t="s">
        <v>0</v>
      </c>
      <c r="B1" s="1"/>
      <c r="C1" s="1"/>
      <c r="D1" s="1"/>
      <c r="E1" s="1"/>
      <c r="F1" s="1"/>
      <c r="G1" s="1"/>
      <c r="H1" s="1"/>
    </row>
    <row r="2" spans="1:8" x14ac:dyDescent="0.2">
      <c r="H2" s="3" t="s">
        <v>1</v>
      </c>
    </row>
    <row r="3" spans="1:8" ht="14.25" customHeight="1" x14ac:dyDescent="0.2">
      <c r="A3" s="4" t="s">
        <v>2</v>
      </c>
      <c r="B3" s="5" t="s">
        <v>3</v>
      </c>
      <c r="C3" s="6" t="s">
        <v>4</v>
      </c>
      <c r="D3" s="7" t="s">
        <v>5</v>
      </c>
      <c r="E3" s="8" t="s">
        <v>6</v>
      </c>
      <c r="F3" s="9" t="s">
        <v>7</v>
      </c>
      <c r="G3" s="10" t="s">
        <v>8</v>
      </c>
      <c r="H3" s="11" t="s">
        <v>9</v>
      </c>
    </row>
    <row r="4" spans="1:8" ht="14.25" customHeight="1" x14ac:dyDescent="0.2">
      <c r="A4" s="12" t="s">
        <v>10</v>
      </c>
      <c r="B4" s="13">
        <v>46194</v>
      </c>
      <c r="C4" s="14">
        <v>238104</v>
      </c>
      <c r="D4" s="15">
        <v>122760</v>
      </c>
      <c r="E4" s="16">
        <v>407058</v>
      </c>
      <c r="F4" s="17">
        <v>11.3</v>
      </c>
      <c r="G4" s="18">
        <v>58.5</v>
      </c>
      <c r="H4" s="19">
        <v>30.2</v>
      </c>
    </row>
    <row r="5" spans="1:8" ht="14.25" customHeight="1" x14ac:dyDescent="0.2">
      <c r="A5" s="12" t="s">
        <v>11</v>
      </c>
      <c r="B5" s="13">
        <v>35954</v>
      </c>
      <c r="C5" s="20">
        <v>185014</v>
      </c>
      <c r="D5" s="21">
        <v>94502</v>
      </c>
      <c r="E5" s="16">
        <v>315470</v>
      </c>
      <c r="F5" s="17">
        <v>11.4</v>
      </c>
      <c r="G5" s="18">
        <v>58.6</v>
      </c>
      <c r="H5" s="19">
        <v>30</v>
      </c>
    </row>
    <row r="6" spans="1:8" ht="14.25" customHeight="1" x14ac:dyDescent="0.2">
      <c r="A6" s="22" t="s">
        <v>12</v>
      </c>
      <c r="B6" s="23">
        <v>248</v>
      </c>
      <c r="C6" s="24">
        <v>1318</v>
      </c>
      <c r="D6" s="25">
        <v>748</v>
      </c>
      <c r="E6" s="26">
        <v>2314</v>
      </c>
      <c r="F6" s="27">
        <v>10.7</v>
      </c>
      <c r="G6" s="28">
        <v>57</v>
      </c>
      <c r="H6" s="29">
        <v>32.299999999999997</v>
      </c>
    </row>
    <row r="7" spans="1:8" ht="14.25" customHeight="1" x14ac:dyDescent="0.2">
      <c r="A7" s="30" t="s">
        <v>13</v>
      </c>
      <c r="B7" s="31">
        <v>586</v>
      </c>
      <c r="C7" s="32">
        <v>2776</v>
      </c>
      <c r="D7" s="33">
        <v>1246</v>
      </c>
      <c r="E7" s="34">
        <v>4608</v>
      </c>
      <c r="F7" s="35">
        <v>12.7</v>
      </c>
      <c r="G7" s="36">
        <v>60.2</v>
      </c>
      <c r="H7" s="37">
        <v>27</v>
      </c>
    </row>
    <row r="8" spans="1:8" ht="14.25" customHeight="1" x14ac:dyDescent="0.2">
      <c r="A8" s="30" t="s">
        <v>14</v>
      </c>
      <c r="B8" s="31">
        <v>273</v>
      </c>
      <c r="C8" s="32">
        <v>1543</v>
      </c>
      <c r="D8" s="33">
        <v>881</v>
      </c>
      <c r="E8" s="34">
        <v>2697</v>
      </c>
      <c r="F8" s="35">
        <v>10.1</v>
      </c>
      <c r="G8" s="36">
        <v>57.2</v>
      </c>
      <c r="H8" s="37">
        <v>32.700000000000003</v>
      </c>
    </row>
    <row r="9" spans="1:8" ht="14.25" customHeight="1" x14ac:dyDescent="0.2">
      <c r="A9" s="30" t="s">
        <v>15</v>
      </c>
      <c r="B9" s="31">
        <v>162</v>
      </c>
      <c r="C9" s="32">
        <v>1051</v>
      </c>
      <c r="D9" s="33">
        <v>558</v>
      </c>
      <c r="E9" s="34">
        <v>1771</v>
      </c>
      <c r="F9" s="35">
        <v>9.1</v>
      </c>
      <c r="G9" s="36">
        <v>59.3</v>
      </c>
      <c r="H9" s="37">
        <v>31.5</v>
      </c>
    </row>
    <row r="10" spans="1:8" ht="14.25" customHeight="1" x14ac:dyDescent="0.2">
      <c r="A10" s="30" t="s">
        <v>16</v>
      </c>
      <c r="B10" s="31">
        <v>326</v>
      </c>
      <c r="C10" s="32">
        <v>1925</v>
      </c>
      <c r="D10" s="33">
        <v>1209</v>
      </c>
      <c r="E10" s="34">
        <v>3460</v>
      </c>
      <c r="F10" s="35">
        <v>9.4</v>
      </c>
      <c r="G10" s="36">
        <v>55.6</v>
      </c>
      <c r="H10" s="37">
        <v>34.9</v>
      </c>
    </row>
    <row r="11" spans="1:8" ht="14.25" customHeight="1" x14ac:dyDescent="0.2">
      <c r="A11" s="30" t="s">
        <v>17</v>
      </c>
      <c r="B11" s="31">
        <v>515</v>
      </c>
      <c r="C11" s="32">
        <v>3284</v>
      </c>
      <c r="D11" s="33">
        <v>2116</v>
      </c>
      <c r="E11" s="34">
        <v>5915</v>
      </c>
      <c r="F11" s="35">
        <v>8.6999999999999993</v>
      </c>
      <c r="G11" s="36">
        <v>55.5</v>
      </c>
      <c r="H11" s="37">
        <v>35.799999999999997</v>
      </c>
    </row>
    <row r="12" spans="1:8" ht="14.25" customHeight="1" x14ac:dyDescent="0.2">
      <c r="A12" s="30" t="s">
        <v>18</v>
      </c>
      <c r="B12" s="31">
        <v>401</v>
      </c>
      <c r="C12" s="32">
        <v>2136</v>
      </c>
      <c r="D12" s="33">
        <v>1498</v>
      </c>
      <c r="E12" s="34">
        <v>4035</v>
      </c>
      <c r="F12" s="35">
        <v>9.9</v>
      </c>
      <c r="G12" s="36">
        <v>52.9</v>
      </c>
      <c r="H12" s="37">
        <v>37.1</v>
      </c>
    </row>
    <row r="13" spans="1:8" ht="14.25" customHeight="1" x14ac:dyDescent="0.2">
      <c r="A13" s="30" t="s">
        <v>19</v>
      </c>
      <c r="B13" s="31">
        <v>233</v>
      </c>
      <c r="C13" s="32">
        <v>1413</v>
      </c>
      <c r="D13" s="33">
        <v>918</v>
      </c>
      <c r="E13" s="34">
        <v>2564</v>
      </c>
      <c r="F13" s="35">
        <v>9.1</v>
      </c>
      <c r="G13" s="36">
        <v>55.1</v>
      </c>
      <c r="H13" s="37">
        <v>35.799999999999997</v>
      </c>
    </row>
    <row r="14" spans="1:8" ht="14.25" customHeight="1" x14ac:dyDescent="0.2">
      <c r="A14" s="30" t="s">
        <v>20</v>
      </c>
      <c r="B14" s="31">
        <v>765</v>
      </c>
      <c r="C14" s="32">
        <v>3751</v>
      </c>
      <c r="D14" s="33">
        <v>1988</v>
      </c>
      <c r="E14" s="34">
        <v>6504</v>
      </c>
      <c r="F14" s="35">
        <v>11.8</v>
      </c>
      <c r="G14" s="36">
        <v>57.7</v>
      </c>
      <c r="H14" s="37">
        <v>30.6</v>
      </c>
    </row>
    <row r="15" spans="1:8" ht="14.25" customHeight="1" x14ac:dyDescent="0.2">
      <c r="A15" s="30" t="s">
        <v>21</v>
      </c>
      <c r="B15" s="31">
        <v>1363</v>
      </c>
      <c r="C15" s="32">
        <v>6963</v>
      </c>
      <c r="D15" s="33">
        <v>3398</v>
      </c>
      <c r="E15" s="34">
        <v>11724</v>
      </c>
      <c r="F15" s="35">
        <v>11.6</v>
      </c>
      <c r="G15" s="36">
        <v>59.4</v>
      </c>
      <c r="H15" s="37">
        <v>29</v>
      </c>
    </row>
    <row r="16" spans="1:8" ht="14.25" customHeight="1" x14ac:dyDescent="0.2">
      <c r="A16" s="30" t="s">
        <v>22</v>
      </c>
      <c r="B16" s="31">
        <v>2071</v>
      </c>
      <c r="C16" s="32">
        <v>9303</v>
      </c>
      <c r="D16" s="33">
        <v>3860</v>
      </c>
      <c r="E16" s="34">
        <v>15234</v>
      </c>
      <c r="F16" s="35">
        <v>13.6</v>
      </c>
      <c r="G16" s="36">
        <v>61.1</v>
      </c>
      <c r="H16" s="37">
        <v>25.3</v>
      </c>
    </row>
    <row r="17" spans="1:9" ht="14.25" customHeight="1" x14ac:dyDescent="0.2">
      <c r="A17" s="30" t="s">
        <v>23</v>
      </c>
      <c r="B17" s="31">
        <v>781</v>
      </c>
      <c r="C17" s="32">
        <v>4568</v>
      </c>
      <c r="D17" s="33">
        <v>2632</v>
      </c>
      <c r="E17" s="34">
        <v>7981</v>
      </c>
      <c r="F17" s="35">
        <v>9.8000000000000007</v>
      </c>
      <c r="G17" s="36">
        <v>57.2</v>
      </c>
      <c r="H17" s="37">
        <v>33</v>
      </c>
    </row>
    <row r="18" spans="1:9" ht="14.25" customHeight="1" x14ac:dyDescent="0.2">
      <c r="A18" s="30" t="s">
        <v>24</v>
      </c>
      <c r="B18" s="31">
        <v>1156</v>
      </c>
      <c r="C18" s="32">
        <v>6228</v>
      </c>
      <c r="D18" s="33">
        <v>3083</v>
      </c>
      <c r="E18" s="34">
        <v>10467</v>
      </c>
      <c r="F18" s="35">
        <v>11</v>
      </c>
      <c r="G18" s="36">
        <v>59.5</v>
      </c>
      <c r="H18" s="37">
        <v>29.5</v>
      </c>
    </row>
    <row r="19" spans="1:9" ht="14.25" customHeight="1" x14ac:dyDescent="0.2">
      <c r="A19" s="30" t="s">
        <v>25</v>
      </c>
      <c r="B19" s="31">
        <v>943</v>
      </c>
      <c r="C19" s="32">
        <v>4578</v>
      </c>
      <c r="D19" s="33">
        <v>2512</v>
      </c>
      <c r="E19" s="34">
        <v>8033</v>
      </c>
      <c r="F19" s="35">
        <v>11.7</v>
      </c>
      <c r="G19" s="36">
        <v>57</v>
      </c>
      <c r="H19" s="37">
        <v>31.3</v>
      </c>
    </row>
    <row r="20" spans="1:9" ht="14.25" customHeight="1" x14ac:dyDescent="0.2">
      <c r="A20" s="30" t="s">
        <v>26</v>
      </c>
      <c r="B20" s="31">
        <v>748</v>
      </c>
      <c r="C20" s="32">
        <v>3329</v>
      </c>
      <c r="D20" s="33">
        <v>1594</v>
      </c>
      <c r="E20" s="34">
        <v>5671</v>
      </c>
      <c r="F20" s="35">
        <v>13.2</v>
      </c>
      <c r="G20" s="36">
        <v>58.7</v>
      </c>
      <c r="H20" s="37">
        <v>28.1</v>
      </c>
    </row>
    <row r="21" spans="1:9" ht="14.25" customHeight="1" x14ac:dyDescent="0.2">
      <c r="A21" s="30" t="s">
        <v>27</v>
      </c>
      <c r="B21" s="31">
        <v>945</v>
      </c>
      <c r="C21" s="32">
        <v>6722</v>
      </c>
      <c r="D21" s="33">
        <v>2362</v>
      </c>
      <c r="E21" s="34">
        <v>10029</v>
      </c>
      <c r="F21" s="35">
        <v>9.4</v>
      </c>
      <c r="G21" s="36">
        <v>67</v>
      </c>
      <c r="H21" s="37">
        <v>23.6</v>
      </c>
    </row>
    <row r="22" spans="1:9" ht="14.25" customHeight="1" x14ac:dyDescent="0.2">
      <c r="A22" s="30" t="s">
        <v>28</v>
      </c>
      <c r="B22" s="31">
        <v>421</v>
      </c>
      <c r="C22" s="32">
        <v>2439</v>
      </c>
      <c r="D22" s="33">
        <v>1171</v>
      </c>
      <c r="E22" s="34">
        <v>4031</v>
      </c>
      <c r="F22" s="35">
        <v>10.4</v>
      </c>
      <c r="G22" s="36">
        <v>60.5</v>
      </c>
      <c r="H22" s="37">
        <v>29</v>
      </c>
    </row>
    <row r="23" spans="1:9" ht="14.25" customHeight="1" x14ac:dyDescent="0.2">
      <c r="A23" s="30" t="s">
        <v>29</v>
      </c>
      <c r="B23" s="31">
        <v>242</v>
      </c>
      <c r="C23" s="32">
        <v>1538</v>
      </c>
      <c r="D23" s="33">
        <v>1294</v>
      </c>
      <c r="E23" s="34">
        <v>3074</v>
      </c>
      <c r="F23" s="35">
        <v>7.9</v>
      </c>
      <c r="G23" s="36">
        <v>50</v>
      </c>
      <c r="H23" s="37">
        <v>42.1</v>
      </c>
    </row>
    <row r="24" spans="1:9" ht="14.25" customHeight="1" x14ac:dyDescent="0.2">
      <c r="A24" s="30" t="s">
        <v>30</v>
      </c>
      <c r="B24" s="31">
        <v>648</v>
      </c>
      <c r="C24" s="32">
        <v>3236</v>
      </c>
      <c r="D24" s="33">
        <v>1854</v>
      </c>
      <c r="E24" s="34">
        <v>5738</v>
      </c>
      <c r="F24" s="35">
        <v>11.3</v>
      </c>
      <c r="G24" s="36">
        <v>56.4</v>
      </c>
      <c r="H24" s="37">
        <v>32.299999999999997</v>
      </c>
    </row>
    <row r="25" spans="1:9" ht="14.25" customHeight="1" x14ac:dyDescent="0.2">
      <c r="A25" s="30" t="s">
        <v>31</v>
      </c>
      <c r="B25" s="31">
        <v>776</v>
      </c>
      <c r="C25" s="32">
        <v>4376</v>
      </c>
      <c r="D25" s="33">
        <v>2413</v>
      </c>
      <c r="E25" s="34">
        <v>7565</v>
      </c>
      <c r="F25" s="35">
        <v>10.3</v>
      </c>
      <c r="G25" s="36">
        <v>57.8</v>
      </c>
      <c r="H25" s="37">
        <v>31.9</v>
      </c>
    </row>
    <row r="26" spans="1:9" ht="14.25" customHeight="1" x14ac:dyDescent="0.2">
      <c r="A26" s="30" t="s">
        <v>32</v>
      </c>
      <c r="B26" s="31">
        <v>196</v>
      </c>
      <c r="C26" s="32">
        <v>1177</v>
      </c>
      <c r="D26" s="33">
        <v>1027</v>
      </c>
      <c r="E26" s="34">
        <v>2400</v>
      </c>
      <c r="F26" s="35">
        <v>8.1999999999999993</v>
      </c>
      <c r="G26" s="36">
        <v>49</v>
      </c>
      <c r="H26" s="37">
        <v>42.8</v>
      </c>
    </row>
    <row r="27" spans="1:9" ht="14.25" customHeight="1" x14ac:dyDescent="0.2">
      <c r="A27" s="30" t="s">
        <v>33</v>
      </c>
      <c r="B27" s="31">
        <v>334</v>
      </c>
      <c r="C27" s="32">
        <v>2341</v>
      </c>
      <c r="D27" s="33">
        <v>1316</v>
      </c>
      <c r="E27" s="34">
        <v>3991</v>
      </c>
      <c r="F27" s="35">
        <v>8.4</v>
      </c>
      <c r="G27" s="36">
        <v>58.7</v>
      </c>
      <c r="H27" s="37">
        <v>33</v>
      </c>
      <c r="I27" s="38"/>
    </row>
    <row r="28" spans="1:9" ht="14.25" customHeight="1" x14ac:dyDescent="0.2">
      <c r="A28" s="30" t="s">
        <v>34</v>
      </c>
      <c r="B28" s="31">
        <v>1990</v>
      </c>
      <c r="C28" s="32">
        <v>8989</v>
      </c>
      <c r="D28" s="33">
        <v>4447</v>
      </c>
      <c r="E28" s="34">
        <v>15426</v>
      </c>
      <c r="F28" s="35">
        <v>12.9</v>
      </c>
      <c r="G28" s="36">
        <v>58.3</v>
      </c>
      <c r="H28" s="37">
        <v>28.8</v>
      </c>
      <c r="I28" s="38"/>
    </row>
    <row r="29" spans="1:9" ht="14.25" customHeight="1" x14ac:dyDescent="0.2">
      <c r="A29" s="30" t="s">
        <v>35</v>
      </c>
      <c r="B29" s="31">
        <v>1112</v>
      </c>
      <c r="C29" s="32">
        <v>5852</v>
      </c>
      <c r="D29" s="33">
        <v>2770</v>
      </c>
      <c r="E29" s="34">
        <v>9734</v>
      </c>
      <c r="F29" s="35">
        <v>11.4</v>
      </c>
      <c r="G29" s="36">
        <v>60.1</v>
      </c>
      <c r="H29" s="37">
        <v>28.5</v>
      </c>
      <c r="I29" s="38"/>
    </row>
    <row r="30" spans="1:9" ht="14.25" customHeight="1" x14ac:dyDescent="0.2">
      <c r="A30" s="30" t="s">
        <v>36</v>
      </c>
      <c r="B30" s="31">
        <v>1673</v>
      </c>
      <c r="C30" s="32">
        <v>7682</v>
      </c>
      <c r="D30" s="33">
        <v>3208</v>
      </c>
      <c r="E30" s="34">
        <v>12563</v>
      </c>
      <c r="F30" s="35">
        <v>13.3</v>
      </c>
      <c r="G30" s="36">
        <v>61.1</v>
      </c>
      <c r="H30" s="37">
        <v>25.5</v>
      </c>
    </row>
    <row r="31" spans="1:9" ht="14.25" customHeight="1" x14ac:dyDescent="0.2">
      <c r="A31" s="30" t="s">
        <v>37</v>
      </c>
      <c r="B31" s="31">
        <v>2599</v>
      </c>
      <c r="C31" s="32">
        <v>9810</v>
      </c>
      <c r="D31" s="33">
        <v>4016</v>
      </c>
      <c r="E31" s="34">
        <v>16425</v>
      </c>
      <c r="F31" s="35">
        <v>15.8</v>
      </c>
      <c r="G31" s="36">
        <v>59.7</v>
      </c>
      <c r="H31" s="37">
        <v>24.5</v>
      </c>
    </row>
    <row r="32" spans="1:9" ht="14.25" customHeight="1" x14ac:dyDescent="0.2">
      <c r="A32" s="30" t="s">
        <v>38</v>
      </c>
      <c r="B32" s="31">
        <v>1415</v>
      </c>
      <c r="C32" s="32">
        <v>6727</v>
      </c>
      <c r="D32" s="33">
        <v>3411</v>
      </c>
      <c r="E32" s="34">
        <v>11553</v>
      </c>
      <c r="F32" s="35">
        <v>12.2</v>
      </c>
      <c r="G32" s="36">
        <v>58.2</v>
      </c>
      <c r="H32" s="37">
        <v>29.5</v>
      </c>
    </row>
    <row r="33" spans="1:9" ht="14.25" customHeight="1" x14ac:dyDescent="0.2">
      <c r="A33" s="30" t="s">
        <v>39</v>
      </c>
      <c r="B33" s="31">
        <v>1274</v>
      </c>
      <c r="C33" s="32">
        <v>6998</v>
      </c>
      <c r="D33" s="33">
        <v>3124</v>
      </c>
      <c r="E33" s="34">
        <v>11396</v>
      </c>
      <c r="F33" s="35">
        <v>11.2</v>
      </c>
      <c r="G33" s="36">
        <v>61.4</v>
      </c>
      <c r="H33" s="37">
        <v>27.4</v>
      </c>
    </row>
    <row r="34" spans="1:9" ht="14.25" customHeight="1" x14ac:dyDescent="0.2">
      <c r="A34" s="30" t="s">
        <v>40</v>
      </c>
      <c r="B34" s="31">
        <v>548</v>
      </c>
      <c r="C34" s="32">
        <v>2971</v>
      </c>
      <c r="D34" s="33">
        <v>2077</v>
      </c>
      <c r="E34" s="34">
        <v>5596</v>
      </c>
      <c r="F34" s="35">
        <v>9.8000000000000007</v>
      </c>
      <c r="G34" s="36">
        <v>53.1</v>
      </c>
      <c r="H34" s="37">
        <v>37.1</v>
      </c>
    </row>
    <row r="35" spans="1:9" ht="14.25" customHeight="1" x14ac:dyDescent="0.2">
      <c r="A35" s="30" t="s">
        <v>41</v>
      </c>
      <c r="B35" s="31">
        <v>1677</v>
      </c>
      <c r="C35" s="32">
        <v>8280</v>
      </c>
      <c r="D35" s="33">
        <v>3504</v>
      </c>
      <c r="E35" s="34">
        <v>13461</v>
      </c>
      <c r="F35" s="35">
        <v>12.5</v>
      </c>
      <c r="G35" s="36">
        <v>61.5</v>
      </c>
      <c r="H35" s="37">
        <v>26</v>
      </c>
      <c r="I35" s="38"/>
    </row>
    <row r="36" spans="1:9" ht="14.25" customHeight="1" x14ac:dyDescent="0.2">
      <c r="A36" s="30" t="s">
        <v>42</v>
      </c>
      <c r="B36" s="31">
        <v>893</v>
      </c>
      <c r="C36" s="32">
        <v>3626</v>
      </c>
      <c r="D36" s="33">
        <v>1069</v>
      </c>
      <c r="E36" s="34">
        <v>5588</v>
      </c>
      <c r="F36" s="35">
        <v>16</v>
      </c>
      <c r="G36" s="36">
        <v>64.900000000000006</v>
      </c>
      <c r="H36" s="37">
        <v>19.100000000000001</v>
      </c>
      <c r="I36" s="38"/>
    </row>
    <row r="37" spans="1:9" ht="14.25" customHeight="1" x14ac:dyDescent="0.2">
      <c r="A37" s="30" t="s">
        <v>43</v>
      </c>
      <c r="B37" s="31">
        <v>711</v>
      </c>
      <c r="C37" s="32">
        <v>3881</v>
      </c>
      <c r="D37" s="33">
        <v>2292</v>
      </c>
      <c r="E37" s="34">
        <v>6884</v>
      </c>
      <c r="F37" s="35">
        <v>10.3</v>
      </c>
      <c r="G37" s="36">
        <v>56.4</v>
      </c>
      <c r="H37" s="37">
        <v>33.299999999999997</v>
      </c>
      <c r="I37" s="38"/>
    </row>
    <row r="38" spans="1:9" ht="14.25" customHeight="1" x14ac:dyDescent="0.2">
      <c r="A38" s="30" t="s">
        <v>44</v>
      </c>
      <c r="B38" s="31">
        <v>552</v>
      </c>
      <c r="C38" s="32">
        <v>3155</v>
      </c>
      <c r="D38" s="33">
        <v>2507</v>
      </c>
      <c r="E38" s="34">
        <v>6214</v>
      </c>
      <c r="F38" s="35">
        <v>8.9</v>
      </c>
      <c r="G38" s="36">
        <v>50.8</v>
      </c>
      <c r="H38" s="37">
        <v>40.299999999999997</v>
      </c>
    </row>
    <row r="39" spans="1:9" ht="14.25" customHeight="1" x14ac:dyDescent="0.2">
      <c r="A39" s="30" t="s">
        <v>45</v>
      </c>
      <c r="B39" s="31">
        <v>259</v>
      </c>
      <c r="C39" s="32">
        <v>1946</v>
      </c>
      <c r="D39" s="33">
        <v>1027</v>
      </c>
      <c r="E39" s="34">
        <v>3232</v>
      </c>
      <c r="F39" s="35">
        <v>8</v>
      </c>
      <c r="G39" s="36">
        <v>60.2</v>
      </c>
      <c r="H39" s="37">
        <v>31.8</v>
      </c>
    </row>
    <row r="40" spans="1:9" ht="14.25" customHeight="1" x14ac:dyDescent="0.2">
      <c r="A40" s="30" t="s">
        <v>46</v>
      </c>
      <c r="B40" s="31">
        <v>187</v>
      </c>
      <c r="C40" s="32">
        <v>1146</v>
      </c>
      <c r="D40" s="33">
        <v>913</v>
      </c>
      <c r="E40" s="34">
        <v>2246</v>
      </c>
      <c r="F40" s="35">
        <v>8.3000000000000007</v>
      </c>
      <c r="G40" s="36">
        <v>51</v>
      </c>
      <c r="H40" s="37">
        <v>40.700000000000003</v>
      </c>
    </row>
    <row r="41" spans="1:9" ht="14.25" customHeight="1" x14ac:dyDescent="0.2">
      <c r="A41" s="30" t="s">
        <v>47</v>
      </c>
      <c r="B41" s="31">
        <v>261</v>
      </c>
      <c r="C41" s="32">
        <v>1520</v>
      </c>
      <c r="D41" s="33">
        <v>1014</v>
      </c>
      <c r="E41" s="34">
        <v>2795</v>
      </c>
      <c r="F41" s="35">
        <v>9.3000000000000007</v>
      </c>
      <c r="G41" s="36">
        <v>54.4</v>
      </c>
      <c r="H41" s="37">
        <v>36.299999999999997</v>
      </c>
    </row>
    <row r="42" spans="1:9" ht="14.25" customHeight="1" x14ac:dyDescent="0.2">
      <c r="A42" s="30" t="s">
        <v>48</v>
      </c>
      <c r="B42" s="31">
        <v>384</v>
      </c>
      <c r="C42" s="32">
        <v>1642</v>
      </c>
      <c r="D42" s="33">
        <v>979</v>
      </c>
      <c r="E42" s="34">
        <v>3005</v>
      </c>
      <c r="F42" s="35">
        <v>12.8</v>
      </c>
      <c r="G42" s="36">
        <v>54.6</v>
      </c>
      <c r="H42" s="37">
        <v>32.6</v>
      </c>
      <c r="I42" s="38"/>
    </row>
    <row r="43" spans="1:9" ht="14.25" customHeight="1" x14ac:dyDescent="0.2">
      <c r="A43" s="30" t="s">
        <v>49</v>
      </c>
      <c r="B43" s="31">
        <v>1362</v>
      </c>
      <c r="C43" s="32">
        <v>6823</v>
      </c>
      <c r="D43" s="33">
        <v>4010</v>
      </c>
      <c r="E43" s="34">
        <v>12195</v>
      </c>
      <c r="F43" s="35">
        <v>11.2</v>
      </c>
      <c r="G43" s="36">
        <v>55.9</v>
      </c>
      <c r="H43" s="37">
        <v>32.9</v>
      </c>
      <c r="I43" s="38"/>
    </row>
    <row r="44" spans="1:9" ht="14.25" customHeight="1" x14ac:dyDescent="0.2">
      <c r="A44" s="30" t="s">
        <v>50</v>
      </c>
      <c r="B44" s="31">
        <v>404</v>
      </c>
      <c r="C44" s="32">
        <v>2245</v>
      </c>
      <c r="D44" s="33">
        <v>1329</v>
      </c>
      <c r="E44" s="34">
        <v>3978</v>
      </c>
      <c r="F44" s="35">
        <v>10.199999999999999</v>
      </c>
      <c r="G44" s="36">
        <v>56.4</v>
      </c>
      <c r="H44" s="37">
        <v>33.4</v>
      </c>
      <c r="I44" s="38"/>
    </row>
    <row r="45" spans="1:9" ht="14.25" customHeight="1" x14ac:dyDescent="0.2">
      <c r="A45" s="30" t="s">
        <v>51</v>
      </c>
      <c r="B45" s="31">
        <v>185</v>
      </c>
      <c r="C45" s="32">
        <v>885</v>
      </c>
      <c r="D45" s="33">
        <v>537</v>
      </c>
      <c r="E45" s="34">
        <v>1607</v>
      </c>
      <c r="F45" s="35">
        <v>11.5</v>
      </c>
      <c r="G45" s="36">
        <v>55.1</v>
      </c>
      <c r="H45" s="37">
        <v>33.4</v>
      </c>
      <c r="I45" s="38"/>
    </row>
    <row r="46" spans="1:9" ht="14.25" customHeight="1" x14ac:dyDescent="0.2">
      <c r="A46" s="30" t="s">
        <v>52</v>
      </c>
      <c r="B46" s="31">
        <v>110</v>
      </c>
      <c r="C46" s="32">
        <v>1115</v>
      </c>
      <c r="D46" s="33">
        <v>449</v>
      </c>
      <c r="E46" s="34">
        <v>1674</v>
      </c>
      <c r="F46" s="35">
        <v>6.6</v>
      </c>
      <c r="G46" s="36">
        <v>66.599999999999994</v>
      </c>
      <c r="H46" s="37">
        <v>26.8</v>
      </c>
      <c r="I46" s="38"/>
    </row>
    <row r="47" spans="1:9" ht="14.25" customHeight="1" x14ac:dyDescent="0.2">
      <c r="A47" s="30" t="s">
        <v>53</v>
      </c>
      <c r="B47" s="31">
        <v>351</v>
      </c>
      <c r="C47" s="32">
        <v>1794</v>
      </c>
      <c r="D47" s="33">
        <v>1137</v>
      </c>
      <c r="E47" s="34">
        <v>3282</v>
      </c>
      <c r="F47" s="35">
        <v>10.7</v>
      </c>
      <c r="G47" s="36">
        <v>54.7</v>
      </c>
      <c r="H47" s="37">
        <v>34.6</v>
      </c>
      <c r="I47" s="38"/>
    </row>
    <row r="48" spans="1:9" ht="14.25" customHeight="1" x14ac:dyDescent="0.2">
      <c r="A48" s="30" t="s">
        <v>54</v>
      </c>
      <c r="B48" s="31">
        <v>89</v>
      </c>
      <c r="C48" s="32">
        <v>527</v>
      </c>
      <c r="D48" s="33">
        <v>364</v>
      </c>
      <c r="E48" s="34">
        <v>980</v>
      </c>
      <c r="F48" s="35">
        <v>9.1</v>
      </c>
      <c r="G48" s="36">
        <v>53.8</v>
      </c>
      <c r="H48" s="37">
        <v>37.1</v>
      </c>
      <c r="I48" s="38"/>
    </row>
    <row r="49" spans="1:9" ht="14.25" customHeight="1" x14ac:dyDescent="0.2">
      <c r="A49" s="30" t="s">
        <v>55</v>
      </c>
      <c r="B49" s="31">
        <v>273</v>
      </c>
      <c r="C49" s="32">
        <v>1539</v>
      </c>
      <c r="D49" s="33">
        <v>1476</v>
      </c>
      <c r="E49" s="34">
        <v>3288</v>
      </c>
      <c r="F49" s="35">
        <v>8.3000000000000007</v>
      </c>
      <c r="G49" s="36">
        <v>46.8</v>
      </c>
      <c r="H49" s="37">
        <v>44.9</v>
      </c>
      <c r="I49" s="38"/>
    </row>
    <row r="50" spans="1:9" ht="14.25" customHeight="1" x14ac:dyDescent="0.2">
      <c r="A50" s="30" t="s">
        <v>56</v>
      </c>
      <c r="B50" s="31">
        <v>327</v>
      </c>
      <c r="C50" s="32">
        <v>2038</v>
      </c>
      <c r="D50" s="33">
        <v>1441</v>
      </c>
      <c r="E50" s="34">
        <v>3806</v>
      </c>
      <c r="F50" s="35">
        <v>8.6</v>
      </c>
      <c r="G50" s="36">
        <v>53.5</v>
      </c>
      <c r="H50" s="37">
        <v>37.9</v>
      </c>
      <c r="I50" s="38"/>
    </row>
    <row r="51" spans="1:9" ht="14.25" customHeight="1" x14ac:dyDescent="0.2">
      <c r="A51" s="30" t="s">
        <v>57</v>
      </c>
      <c r="B51" s="31">
        <v>140</v>
      </c>
      <c r="C51" s="32">
        <v>863</v>
      </c>
      <c r="D51" s="33">
        <v>787</v>
      </c>
      <c r="E51" s="34">
        <v>1790</v>
      </c>
      <c r="F51" s="35">
        <v>7.8</v>
      </c>
      <c r="G51" s="36">
        <v>48.2</v>
      </c>
      <c r="H51" s="37">
        <v>44</v>
      </c>
      <c r="I51" s="38"/>
    </row>
    <row r="52" spans="1:9" ht="14.25" customHeight="1" x14ac:dyDescent="0.2">
      <c r="A52" s="30" t="s">
        <v>58</v>
      </c>
      <c r="B52" s="31">
        <v>308</v>
      </c>
      <c r="C52" s="32">
        <v>2008</v>
      </c>
      <c r="D52" s="33">
        <v>1485</v>
      </c>
      <c r="E52" s="34">
        <v>3801</v>
      </c>
      <c r="F52" s="35">
        <v>8.1</v>
      </c>
      <c r="G52" s="36">
        <v>52.8</v>
      </c>
      <c r="H52" s="37">
        <v>39.1</v>
      </c>
      <c r="I52" s="38"/>
    </row>
    <row r="53" spans="1:9" ht="14.25" customHeight="1" x14ac:dyDescent="0.2">
      <c r="A53" s="30" t="s">
        <v>59</v>
      </c>
      <c r="B53" s="31">
        <v>139</v>
      </c>
      <c r="C53" s="32">
        <v>1026</v>
      </c>
      <c r="D53" s="33">
        <v>454</v>
      </c>
      <c r="E53" s="34">
        <v>1619</v>
      </c>
      <c r="F53" s="35">
        <v>8.6</v>
      </c>
      <c r="G53" s="36">
        <v>63.4</v>
      </c>
      <c r="H53" s="37">
        <v>28</v>
      </c>
      <c r="I53" s="38"/>
    </row>
    <row r="54" spans="1:9" ht="14.25" customHeight="1" x14ac:dyDescent="0.2">
      <c r="A54" s="39" t="s">
        <v>60</v>
      </c>
      <c r="B54" s="31">
        <v>1128</v>
      </c>
      <c r="C54" s="32">
        <v>6055</v>
      </c>
      <c r="D54" s="33">
        <v>1696</v>
      </c>
      <c r="E54" s="34">
        <v>8879</v>
      </c>
      <c r="F54" s="35">
        <v>12.7</v>
      </c>
      <c r="G54" s="36">
        <v>68.2</v>
      </c>
      <c r="H54" s="37">
        <v>19.100000000000001</v>
      </c>
      <c r="I54" s="38"/>
    </row>
    <row r="55" spans="1:9" ht="14.25" customHeight="1" x14ac:dyDescent="0.2">
      <c r="A55" s="40" t="s">
        <v>61</v>
      </c>
      <c r="B55" s="41">
        <v>1470</v>
      </c>
      <c r="C55" s="42">
        <v>7876</v>
      </c>
      <c r="D55" s="43">
        <v>3301</v>
      </c>
      <c r="E55" s="44">
        <v>12647</v>
      </c>
      <c r="F55" s="45">
        <v>11.6</v>
      </c>
      <c r="G55" s="46">
        <v>62.3</v>
      </c>
      <c r="H55" s="47">
        <v>26.1</v>
      </c>
      <c r="I55" s="38"/>
    </row>
    <row r="56" spans="1:9" x14ac:dyDescent="0.2">
      <c r="A56" s="48" t="s">
        <v>62</v>
      </c>
      <c r="B56" s="49"/>
      <c r="C56" s="49"/>
      <c r="D56" s="49"/>
      <c r="E56" s="49"/>
    </row>
    <row r="57" spans="1:9" x14ac:dyDescent="0.2">
      <c r="B57" s="49"/>
      <c r="C57" s="49"/>
      <c r="D57" s="49"/>
      <c r="E57" s="49"/>
    </row>
  </sheetData>
  <mergeCells count="1">
    <mergeCell ref="A1:H1"/>
  </mergeCells>
  <phoneticPr fontId="3"/>
  <pageMargins left="0.70866141732283472" right="0.51181102362204722" top="0.74803149606299213" bottom="0.55118110236220474" header="0.31496062992125984" footer="0.31496062992125984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CFA3570-ACF2-432B-B8EA-9C55F96F42CF}">
  <sheetPr codeName="Sheet55"/>
  <dimension ref="A1:H42"/>
  <sheetViews>
    <sheetView view="pageBreakPreview" zoomScaleNormal="100" zoomScaleSheetLayoutView="100" workbookViewId="0">
      <selection sqref="A1:H1"/>
    </sheetView>
  </sheetViews>
  <sheetFormatPr defaultRowHeight="13.2" x14ac:dyDescent="0.2"/>
  <cols>
    <col min="1" max="1" width="14.6640625" customWidth="1"/>
    <col min="2" max="5" width="9.6640625" customWidth="1"/>
    <col min="6" max="8" width="12.77734375" style="2" customWidth="1"/>
  </cols>
  <sheetData>
    <row r="1" spans="1:8" ht="14.4" x14ac:dyDescent="0.2">
      <c r="A1" s="1" t="s">
        <v>63</v>
      </c>
      <c r="B1" s="1"/>
      <c r="C1" s="1"/>
      <c r="D1" s="1"/>
      <c r="E1" s="1"/>
      <c r="F1" s="1"/>
      <c r="G1" s="1"/>
      <c r="H1" s="1"/>
    </row>
    <row r="2" spans="1:8" x14ac:dyDescent="0.2">
      <c r="H2" s="3" t="s">
        <v>1</v>
      </c>
    </row>
    <row r="3" spans="1:8" ht="14.25" customHeight="1" x14ac:dyDescent="0.2">
      <c r="A3" s="4" t="s">
        <v>2</v>
      </c>
      <c r="B3" s="5" t="s">
        <v>3</v>
      </c>
      <c r="C3" s="6" t="s">
        <v>4</v>
      </c>
      <c r="D3" s="7" t="s">
        <v>5</v>
      </c>
      <c r="E3" s="8" t="s">
        <v>6</v>
      </c>
      <c r="F3" s="9" t="s">
        <v>7</v>
      </c>
      <c r="G3" s="10" t="s">
        <v>8</v>
      </c>
      <c r="H3" s="11" t="s">
        <v>9</v>
      </c>
    </row>
    <row r="4" spans="1:8" ht="14.25" customHeight="1" x14ac:dyDescent="0.2">
      <c r="A4" s="50" t="s">
        <v>64</v>
      </c>
      <c r="B4" s="13">
        <v>2310</v>
      </c>
      <c r="C4" s="14">
        <v>12145</v>
      </c>
      <c r="D4" s="15">
        <v>6772</v>
      </c>
      <c r="E4" s="16">
        <v>21227</v>
      </c>
      <c r="F4" s="17">
        <v>10.9</v>
      </c>
      <c r="G4" s="18">
        <v>57.2</v>
      </c>
      <c r="H4" s="19">
        <v>31.9</v>
      </c>
    </row>
    <row r="5" spans="1:8" ht="14.25" customHeight="1" x14ac:dyDescent="0.2">
      <c r="A5" s="22" t="s">
        <v>65</v>
      </c>
      <c r="B5" s="23">
        <v>20</v>
      </c>
      <c r="C5" s="24">
        <v>111</v>
      </c>
      <c r="D5" s="25">
        <v>147</v>
      </c>
      <c r="E5" s="26">
        <v>278</v>
      </c>
      <c r="F5" s="27">
        <v>7.2</v>
      </c>
      <c r="G5" s="28">
        <v>39.9</v>
      </c>
      <c r="H5" s="29">
        <v>52.9</v>
      </c>
    </row>
    <row r="6" spans="1:8" ht="14.25" customHeight="1" x14ac:dyDescent="0.2">
      <c r="A6" s="30" t="s">
        <v>66</v>
      </c>
      <c r="B6" s="31">
        <v>23</v>
      </c>
      <c r="C6" s="32">
        <v>120</v>
      </c>
      <c r="D6" s="33">
        <v>106</v>
      </c>
      <c r="E6" s="34">
        <v>249</v>
      </c>
      <c r="F6" s="35">
        <v>9.1999999999999993</v>
      </c>
      <c r="G6" s="36">
        <v>48.2</v>
      </c>
      <c r="H6" s="37">
        <v>42.6</v>
      </c>
    </row>
    <row r="7" spans="1:8" ht="14.25" customHeight="1" x14ac:dyDescent="0.2">
      <c r="A7" s="30" t="s">
        <v>67</v>
      </c>
      <c r="B7" s="31">
        <v>120</v>
      </c>
      <c r="C7" s="32">
        <v>1001</v>
      </c>
      <c r="D7" s="33">
        <v>834</v>
      </c>
      <c r="E7" s="34">
        <v>1955</v>
      </c>
      <c r="F7" s="35">
        <v>6.1</v>
      </c>
      <c r="G7" s="36">
        <v>51.2</v>
      </c>
      <c r="H7" s="37">
        <v>42.7</v>
      </c>
    </row>
    <row r="8" spans="1:8" ht="14.25" customHeight="1" x14ac:dyDescent="0.2">
      <c r="A8" s="30" t="s">
        <v>68</v>
      </c>
      <c r="B8" s="31">
        <v>968</v>
      </c>
      <c r="C8" s="32">
        <v>6210</v>
      </c>
      <c r="D8" s="33">
        <v>3744</v>
      </c>
      <c r="E8" s="34">
        <v>10922</v>
      </c>
      <c r="F8" s="35">
        <v>8.9</v>
      </c>
      <c r="G8" s="36">
        <v>56.9</v>
      </c>
      <c r="H8" s="37">
        <v>34.299999999999997</v>
      </c>
    </row>
    <row r="9" spans="1:8" ht="14.25" customHeight="1" x14ac:dyDescent="0.2">
      <c r="A9" s="30" t="s">
        <v>69</v>
      </c>
      <c r="B9" s="41">
        <v>1179</v>
      </c>
      <c r="C9" s="42">
        <v>4703</v>
      </c>
      <c r="D9" s="43">
        <v>1941</v>
      </c>
      <c r="E9" s="44">
        <v>7823</v>
      </c>
      <c r="F9" s="45">
        <v>15.1</v>
      </c>
      <c r="G9" s="46">
        <v>60.1</v>
      </c>
      <c r="H9" s="47">
        <v>24.8</v>
      </c>
    </row>
    <row r="10" spans="1:8" ht="14.25" customHeight="1" x14ac:dyDescent="0.2">
      <c r="A10" s="12" t="s">
        <v>70</v>
      </c>
      <c r="B10" s="13">
        <v>724</v>
      </c>
      <c r="C10" s="14">
        <v>4926</v>
      </c>
      <c r="D10" s="15">
        <v>3201</v>
      </c>
      <c r="E10" s="16">
        <v>8851</v>
      </c>
      <c r="F10" s="17">
        <v>8.1999999999999993</v>
      </c>
      <c r="G10" s="18">
        <v>55.7</v>
      </c>
      <c r="H10" s="19">
        <v>36.200000000000003</v>
      </c>
    </row>
    <row r="11" spans="1:8" ht="14.25" customHeight="1" x14ac:dyDescent="0.2">
      <c r="A11" s="30" t="s">
        <v>71</v>
      </c>
      <c r="B11" s="23">
        <v>182</v>
      </c>
      <c r="C11" s="24">
        <v>1279</v>
      </c>
      <c r="D11" s="25">
        <v>1054</v>
      </c>
      <c r="E11" s="26">
        <v>2515</v>
      </c>
      <c r="F11" s="27">
        <v>7.2</v>
      </c>
      <c r="G11" s="28">
        <v>50.9</v>
      </c>
      <c r="H11" s="29">
        <v>41.9</v>
      </c>
    </row>
    <row r="12" spans="1:8" ht="14.25" customHeight="1" x14ac:dyDescent="0.2">
      <c r="A12" s="30" t="s">
        <v>72</v>
      </c>
      <c r="B12" s="31">
        <v>27</v>
      </c>
      <c r="C12" s="32">
        <v>343</v>
      </c>
      <c r="D12" s="33">
        <v>415</v>
      </c>
      <c r="E12" s="34">
        <v>785</v>
      </c>
      <c r="F12" s="35">
        <v>3.4</v>
      </c>
      <c r="G12" s="36">
        <v>43.7</v>
      </c>
      <c r="H12" s="37">
        <v>52.9</v>
      </c>
    </row>
    <row r="13" spans="1:8" ht="14.25" customHeight="1" x14ac:dyDescent="0.2">
      <c r="A13" s="30" t="s">
        <v>73</v>
      </c>
      <c r="B13" s="31">
        <v>449</v>
      </c>
      <c r="C13" s="32">
        <v>2889</v>
      </c>
      <c r="D13" s="33">
        <v>1407</v>
      </c>
      <c r="E13" s="34">
        <v>4745</v>
      </c>
      <c r="F13" s="35">
        <v>9.5</v>
      </c>
      <c r="G13" s="36">
        <v>60.9</v>
      </c>
      <c r="H13" s="37">
        <v>29.7</v>
      </c>
    </row>
    <row r="14" spans="1:8" ht="14.25" customHeight="1" x14ac:dyDescent="0.2">
      <c r="A14" s="30" t="s">
        <v>74</v>
      </c>
      <c r="B14" s="41">
        <v>66</v>
      </c>
      <c r="C14" s="42">
        <v>415</v>
      </c>
      <c r="D14" s="43">
        <v>325</v>
      </c>
      <c r="E14" s="44">
        <v>806</v>
      </c>
      <c r="F14" s="45">
        <v>8.1999999999999993</v>
      </c>
      <c r="G14" s="46">
        <v>51.5</v>
      </c>
      <c r="H14" s="47">
        <v>40.299999999999997</v>
      </c>
    </row>
    <row r="15" spans="1:8" ht="14.25" customHeight="1" x14ac:dyDescent="0.2">
      <c r="A15" s="12" t="s">
        <v>75</v>
      </c>
      <c r="B15" s="13">
        <v>1605</v>
      </c>
      <c r="C15" s="14">
        <v>9822</v>
      </c>
      <c r="D15" s="15">
        <v>6793</v>
      </c>
      <c r="E15" s="16">
        <v>18220</v>
      </c>
      <c r="F15" s="17">
        <v>8.8000000000000007</v>
      </c>
      <c r="G15" s="18">
        <v>53.9</v>
      </c>
      <c r="H15" s="19">
        <v>37.299999999999997</v>
      </c>
    </row>
    <row r="16" spans="1:8" ht="14.25" customHeight="1" x14ac:dyDescent="0.2">
      <c r="A16" s="30" t="s">
        <v>76</v>
      </c>
      <c r="B16" s="23">
        <v>141</v>
      </c>
      <c r="C16" s="24">
        <v>858</v>
      </c>
      <c r="D16" s="25">
        <v>893</v>
      </c>
      <c r="E16" s="26">
        <v>1892</v>
      </c>
      <c r="F16" s="27">
        <v>7.5</v>
      </c>
      <c r="G16" s="28">
        <v>45.3</v>
      </c>
      <c r="H16" s="29">
        <v>47.2</v>
      </c>
    </row>
    <row r="17" spans="1:8" ht="14.25" customHeight="1" x14ac:dyDescent="0.2">
      <c r="A17" s="30" t="s">
        <v>77</v>
      </c>
      <c r="B17" s="31">
        <v>618</v>
      </c>
      <c r="C17" s="32">
        <v>3855</v>
      </c>
      <c r="D17" s="33">
        <v>2259</v>
      </c>
      <c r="E17" s="34">
        <v>6732</v>
      </c>
      <c r="F17" s="35">
        <v>9.1999999999999993</v>
      </c>
      <c r="G17" s="36">
        <v>57.3</v>
      </c>
      <c r="H17" s="37">
        <v>33.6</v>
      </c>
    </row>
    <row r="18" spans="1:8" ht="14.25" customHeight="1" x14ac:dyDescent="0.2">
      <c r="A18" s="30" t="s">
        <v>78</v>
      </c>
      <c r="B18" s="31">
        <v>667</v>
      </c>
      <c r="C18" s="32">
        <v>3705</v>
      </c>
      <c r="D18" s="33">
        <v>2219</v>
      </c>
      <c r="E18" s="34">
        <v>6591</v>
      </c>
      <c r="F18" s="35">
        <v>10.1</v>
      </c>
      <c r="G18" s="36">
        <v>56.2</v>
      </c>
      <c r="H18" s="37">
        <v>33.700000000000003</v>
      </c>
    </row>
    <row r="19" spans="1:8" ht="14.25" customHeight="1" x14ac:dyDescent="0.2">
      <c r="A19" s="30" t="s">
        <v>79</v>
      </c>
      <c r="B19" s="31">
        <v>53</v>
      </c>
      <c r="C19" s="32">
        <v>331</v>
      </c>
      <c r="D19" s="33">
        <v>358</v>
      </c>
      <c r="E19" s="34">
        <v>742</v>
      </c>
      <c r="F19" s="35">
        <v>7.1</v>
      </c>
      <c r="G19" s="36">
        <v>44.6</v>
      </c>
      <c r="H19" s="37">
        <v>48.2</v>
      </c>
    </row>
    <row r="20" spans="1:8" ht="14.25" customHeight="1" x14ac:dyDescent="0.2">
      <c r="A20" s="30" t="s">
        <v>80</v>
      </c>
      <c r="B20" s="31">
        <v>9</v>
      </c>
      <c r="C20" s="32">
        <v>182</v>
      </c>
      <c r="D20" s="33">
        <v>183</v>
      </c>
      <c r="E20" s="34">
        <v>374</v>
      </c>
      <c r="F20" s="35">
        <v>2.4</v>
      </c>
      <c r="G20" s="36">
        <v>48.7</v>
      </c>
      <c r="H20" s="37">
        <v>48.9</v>
      </c>
    </row>
    <row r="21" spans="1:8" ht="14.25" customHeight="1" x14ac:dyDescent="0.2">
      <c r="A21" s="30" t="s">
        <v>81</v>
      </c>
      <c r="B21" s="31">
        <v>93</v>
      </c>
      <c r="C21" s="32">
        <v>575</v>
      </c>
      <c r="D21" s="33">
        <v>439</v>
      </c>
      <c r="E21" s="34">
        <v>1107</v>
      </c>
      <c r="F21" s="35">
        <v>8.4</v>
      </c>
      <c r="G21" s="36">
        <v>51.9</v>
      </c>
      <c r="H21" s="37">
        <v>39.700000000000003</v>
      </c>
    </row>
    <row r="22" spans="1:8" ht="14.25" customHeight="1" x14ac:dyDescent="0.2">
      <c r="A22" s="30" t="s">
        <v>82</v>
      </c>
      <c r="B22" s="31">
        <v>18</v>
      </c>
      <c r="C22" s="32">
        <v>260</v>
      </c>
      <c r="D22" s="33">
        <v>324</v>
      </c>
      <c r="E22" s="34">
        <v>602</v>
      </c>
      <c r="F22" s="35">
        <v>3</v>
      </c>
      <c r="G22" s="36">
        <v>43.2</v>
      </c>
      <c r="H22" s="37">
        <v>53.8</v>
      </c>
    </row>
    <row r="23" spans="1:8" ht="14.25" customHeight="1" x14ac:dyDescent="0.2">
      <c r="A23" s="30" t="s">
        <v>83</v>
      </c>
      <c r="B23" s="31">
        <v>3</v>
      </c>
      <c r="C23" s="32">
        <v>45</v>
      </c>
      <c r="D23" s="33">
        <v>86</v>
      </c>
      <c r="E23" s="34">
        <v>134</v>
      </c>
      <c r="F23" s="35">
        <v>2.2000000000000002</v>
      </c>
      <c r="G23" s="36">
        <v>33.6</v>
      </c>
      <c r="H23" s="37">
        <v>64.2</v>
      </c>
    </row>
    <row r="24" spans="1:8" ht="14.25" customHeight="1" x14ac:dyDescent="0.2">
      <c r="A24" s="30" t="s">
        <v>84</v>
      </c>
      <c r="B24" s="41">
        <v>3</v>
      </c>
      <c r="C24" s="42">
        <v>11</v>
      </c>
      <c r="D24" s="43">
        <v>32</v>
      </c>
      <c r="E24" s="44">
        <v>46</v>
      </c>
      <c r="F24" s="45">
        <v>6.5</v>
      </c>
      <c r="G24" s="46">
        <v>23.9</v>
      </c>
      <c r="H24" s="47">
        <v>69.599999999999994</v>
      </c>
    </row>
    <row r="25" spans="1:8" ht="14.25" customHeight="1" x14ac:dyDescent="0.2">
      <c r="A25" s="12" t="s">
        <v>85</v>
      </c>
      <c r="B25" s="13">
        <v>5424</v>
      </c>
      <c r="C25" s="14">
        <v>25034</v>
      </c>
      <c r="D25" s="15">
        <v>10415</v>
      </c>
      <c r="E25" s="16">
        <v>40873</v>
      </c>
      <c r="F25" s="17">
        <v>13.3</v>
      </c>
      <c r="G25" s="18">
        <v>61.2</v>
      </c>
      <c r="H25" s="19">
        <v>25.5</v>
      </c>
    </row>
    <row r="26" spans="1:8" ht="14.25" customHeight="1" x14ac:dyDescent="0.2">
      <c r="A26" s="30" t="s">
        <v>86</v>
      </c>
      <c r="B26" s="23">
        <v>1510</v>
      </c>
      <c r="C26" s="24">
        <v>7810</v>
      </c>
      <c r="D26" s="25">
        <v>2608</v>
      </c>
      <c r="E26" s="26">
        <v>11928</v>
      </c>
      <c r="F26" s="27">
        <v>12.7</v>
      </c>
      <c r="G26" s="28">
        <v>65.5</v>
      </c>
      <c r="H26" s="29">
        <v>21.9</v>
      </c>
    </row>
    <row r="27" spans="1:8" ht="14.25" customHeight="1" x14ac:dyDescent="0.2">
      <c r="A27" s="30" t="s">
        <v>87</v>
      </c>
      <c r="B27" s="31">
        <v>1805</v>
      </c>
      <c r="C27" s="32">
        <v>7724</v>
      </c>
      <c r="D27" s="33">
        <v>2323</v>
      </c>
      <c r="E27" s="34">
        <v>11852</v>
      </c>
      <c r="F27" s="35">
        <v>15.2</v>
      </c>
      <c r="G27" s="36">
        <v>65.2</v>
      </c>
      <c r="H27" s="37">
        <v>19.600000000000001</v>
      </c>
    </row>
    <row r="28" spans="1:8" ht="14.25" customHeight="1" x14ac:dyDescent="0.2">
      <c r="A28" s="30" t="s">
        <v>88</v>
      </c>
      <c r="B28" s="31">
        <v>154</v>
      </c>
      <c r="C28" s="32">
        <v>764</v>
      </c>
      <c r="D28" s="33">
        <v>483</v>
      </c>
      <c r="E28" s="34">
        <v>1401</v>
      </c>
      <c r="F28" s="35">
        <v>11</v>
      </c>
      <c r="G28" s="36">
        <v>54.5</v>
      </c>
      <c r="H28" s="37">
        <v>34.5</v>
      </c>
    </row>
    <row r="29" spans="1:8" ht="14.25" customHeight="1" x14ac:dyDescent="0.2">
      <c r="A29" s="30" t="s">
        <v>89</v>
      </c>
      <c r="B29" s="31">
        <v>311</v>
      </c>
      <c r="C29" s="32">
        <v>1153</v>
      </c>
      <c r="D29" s="33">
        <v>738</v>
      </c>
      <c r="E29" s="34">
        <v>2202</v>
      </c>
      <c r="F29" s="35">
        <v>14.1</v>
      </c>
      <c r="G29" s="36">
        <v>52.4</v>
      </c>
      <c r="H29" s="37">
        <v>33.5</v>
      </c>
    </row>
    <row r="30" spans="1:8" ht="14.25" customHeight="1" x14ac:dyDescent="0.2">
      <c r="A30" s="30" t="s">
        <v>90</v>
      </c>
      <c r="B30" s="31">
        <v>499</v>
      </c>
      <c r="C30" s="32">
        <v>2074</v>
      </c>
      <c r="D30" s="33">
        <v>1055</v>
      </c>
      <c r="E30" s="34">
        <v>3628</v>
      </c>
      <c r="F30" s="35">
        <v>13.8</v>
      </c>
      <c r="G30" s="36">
        <v>57.2</v>
      </c>
      <c r="H30" s="37">
        <v>29.1</v>
      </c>
    </row>
    <row r="31" spans="1:8" ht="14.25" customHeight="1" x14ac:dyDescent="0.2">
      <c r="A31" s="30" t="s">
        <v>91</v>
      </c>
      <c r="B31" s="31">
        <v>418</v>
      </c>
      <c r="C31" s="32">
        <v>2076</v>
      </c>
      <c r="D31" s="33">
        <v>1228</v>
      </c>
      <c r="E31" s="34">
        <v>3722</v>
      </c>
      <c r="F31" s="35">
        <v>11.2</v>
      </c>
      <c r="G31" s="36">
        <v>55.8</v>
      </c>
      <c r="H31" s="37">
        <v>33</v>
      </c>
    </row>
    <row r="32" spans="1:8" ht="14.25" customHeight="1" x14ac:dyDescent="0.2">
      <c r="A32" s="30" t="s">
        <v>92</v>
      </c>
      <c r="B32" s="31">
        <v>128</v>
      </c>
      <c r="C32" s="32">
        <v>626</v>
      </c>
      <c r="D32" s="33">
        <v>506</v>
      </c>
      <c r="E32" s="34">
        <v>1260</v>
      </c>
      <c r="F32" s="35">
        <v>10.199999999999999</v>
      </c>
      <c r="G32" s="36">
        <v>49.7</v>
      </c>
      <c r="H32" s="37">
        <v>40.200000000000003</v>
      </c>
    </row>
    <row r="33" spans="1:8" ht="14.25" customHeight="1" x14ac:dyDescent="0.2">
      <c r="A33" s="30" t="s">
        <v>93</v>
      </c>
      <c r="B33" s="41">
        <v>599</v>
      </c>
      <c r="C33" s="42">
        <v>2807</v>
      </c>
      <c r="D33" s="43">
        <v>1474</v>
      </c>
      <c r="E33" s="44">
        <v>4880</v>
      </c>
      <c r="F33" s="45">
        <v>12.3</v>
      </c>
      <c r="G33" s="46">
        <v>57.5</v>
      </c>
      <c r="H33" s="47">
        <v>30.2</v>
      </c>
    </row>
    <row r="34" spans="1:8" ht="14.25" customHeight="1" x14ac:dyDescent="0.2">
      <c r="A34" s="12" t="s">
        <v>94</v>
      </c>
      <c r="B34" s="13">
        <v>106</v>
      </c>
      <c r="C34" s="14">
        <v>615</v>
      </c>
      <c r="D34" s="15">
        <v>555</v>
      </c>
      <c r="E34" s="16">
        <v>1276</v>
      </c>
      <c r="F34" s="17">
        <v>8.3000000000000007</v>
      </c>
      <c r="G34" s="18">
        <v>48.2</v>
      </c>
      <c r="H34" s="19">
        <v>43.5</v>
      </c>
    </row>
    <row r="35" spans="1:8" ht="14.25" customHeight="1" x14ac:dyDescent="0.2">
      <c r="A35" s="30" t="s">
        <v>95</v>
      </c>
      <c r="B35" s="23">
        <v>0</v>
      </c>
      <c r="C35" s="24">
        <v>5</v>
      </c>
      <c r="D35" s="25">
        <v>5</v>
      </c>
      <c r="E35" s="26">
        <v>10</v>
      </c>
      <c r="F35" s="27">
        <v>0</v>
      </c>
      <c r="G35" s="28">
        <v>50</v>
      </c>
      <c r="H35" s="29">
        <v>50</v>
      </c>
    </row>
    <row r="36" spans="1:8" ht="14.25" customHeight="1" x14ac:dyDescent="0.2">
      <c r="A36" s="30" t="s">
        <v>96</v>
      </c>
      <c r="B36" s="31">
        <v>76</v>
      </c>
      <c r="C36" s="32">
        <v>396</v>
      </c>
      <c r="D36" s="33">
        <v>368</v>
      </c>
      <c r="E36" s="34">
        <v>840</v>
      </c>
      <c r="F36" s="35">
        <v>9</v>
      </c>
      <c r="G36" s="36">
        <v>47.1</v>
      </c>
      <c r="H36" s="37">
        <v>43.8</v>
      </c>
    </row>
    <row r="37" spans="1:8" ht="14.25" customHeight="1" x14ac:dyDescent="0.2">
      <c r="A37" s="30" t="s">
        <v>97</v>
      </c>
      <c r="B37" s="31">
        <v>14</v>
      </c>
      <c r="C37" s="32">
        <v>68</v>
      </c>
      <c r="D37" s="33">
        <v>78</v>
      </c>
      <c r="E37" s="34">
        <v>160</v>
      </c>
      <c r="F37" s="35">
        <v>8.8000000000000007</v>
      </c>
      <c r="G37" s="36">
        <v>42.5</v>
      </c>
      <c r="H37" s="37">
        <v>48.8</v>
      </c>
    </row>
    <row r="38" spans="1:8" ht="14.25" customHeight="1" x14ac:dyDescent="0.2">
      <c r="A38" s="30" t="s">
        <v>98</v>
      </c>
      <c r="B38" s="41">
        <v>16</v>
      </c>
      <c r="C38" s="42">
        <v>146</v>
      </c>
      <c r="D38" s="43">
        <v>104</v>
      </c>
      <c r="E38" s="44">
        <v>266</v>
      </c>
      <c r="F38" s="45">
        <v>6</v>
      </c>
      <c r="G38" s="46">
        <v>54.9</v>
      </c>
      <c r="H38" s="47">
        <v>39.1</v>
      </c>
    </row>
    <row r="39" spans="1:8" ht="14.25" customHeight="1" x14ac:dyDescent="0.2">
      <c r="A39" s="12" t="s">
        <v>99</v>
      </c>
      <c r="B39" s="13">
        <v>71</v>
      </c>
      <c r="C39" s="14">
        <v>548</v>
      </c>
      <c r="D39" s="15">
        <v>522</v>
      </c>
      <c r="E39" s="16">
        <v>1141</v>
      </c>
      <c r="F39" s="17">
        <v>6.2</v>
      </c>
      <c r="G39" s="18">
        <v>48</v>
      </c>
      <c r="H39" s="19">
        <v>45.7</v>
      </c>
    </row>
    <row r="40" spans="1:8" ht="14.25" customHeight="1" x14ac:dyDescent="0.2">
      <c r="A40" s="30" t="s">
        <v>100</v>
      </c>
      <c r="B40" s="23">
        <v>62</v>
      </c>
      <c r="C40" s="24">
        <v>449</v>
      </c>
      <c r="D40" s="25">
        <v>387</v>
      </c>
      <c r="E40" s="26">
        <v>898</v>
      </c>
      <c r="F40" s="27">
        <v>6.9</v>
      </c>
      <c r="G40" s="28">
        <v>50</v>
      </c>
      <c r="H40" s="29">
        <v>43.1</v>
      </c>
    </row>
    <row r="41" spans="1:8" ht="14.25" customHeight="1" x14ac:dyDescent="0.2">
      <c r="A41" s="40" t="s">
        <v>101</v>
      </c>
      <c r="B41" s="41">
        <v>9</v>
      </c>
      <c r="C41" s="42">
        <v>99</v>
      </c>
      <c r="D41" s="43">
        <v>135</v>
      </c>
      <c r="E41" s="44">
        <v>243</v>
      </c>
      <c r="F41" s="45">
        <v>3.7</v>
      </c>
      <c r="G41" s="46">
        <v>40.700000000000003</v>
      </c>
      <c r="H41" s="47">
        <v>55.6</v>
      </c>
    </row>
    <row r="42" spans="1:8" x14ac:dyDescent="0.2">
      <c r="A42" s="48" t="s">
        <v>62</v>
      </c>
      <c r="B42" s="51"/>
      <c r="C42" s="51"/>
      <c r="D42" s="51"/>
      <c r="E42" s="51"/>
      <c r="F42" s="52"/>
      <c r="G42" s="52"/>
      <c r="H42" s="52"/>
    </row>
  </sheetData>
  <mergeCells count="1">
    <mergeCell ref="A1:H1"/>
  </mergeCells>
  <phoneticPr fontId="8"/>
  <pageMargins left="0.70866141732283472" right="0.51181102362204722" top="0.74803149606299213" bottom="0.74803149606299213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年齢３区分（富山地域）</vt:lpstr>
      <vt:lpstr>年齢３区分（大沢野～細入）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3-11-07T00:33:10Z</dcterms:created>
  <dcterms:modified xsi:type="dcterms:W3CDTF">2023-11-07T00:33:36Z</dcterms:modified>
</cp:coreProperties>
</file>